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61" r:id="rId2"/>
    <p:sldId id="258" r:id="rId3"/>
    <p:sldId id="262" r:id="rId4"/>
    <p:sldId id="265" r:id="rId5"/>
    <p:sldId id="266" r:id="rId6"/>
    <p:sldId id="280" r:id="rId7"/>
    <p:sldId id="267" r:id="rId8"/>
    <p:sldId id="268" r:id="rId9"/>
    <p:sldId id="269" r:id="rId10"/>
    <p:sldId id="273" r:id="rId11"/>
    <p:sldId id="271" r:id="rId12"/>
    <p:sldId id="272" r:id="rId13"/>
    <p:sldId id="274" r:id="rId14"/>
    <p:sldId id="275" r:id="rId15"/>
    <p:sldId id="276" r:id="rId16"/>
    <p:sldId id="277" r:id="rId17"/>
    <p:sldId id="278" r:id="rId18"/>
    <p:sldId id="279" r:id="rId19"/>
    <p:sldId id="264" r:id="rId20"/>
    <p:sldId id="260" r:id="rId21"/>
  </p:sldIdLst>
  <p:sldSz cx="12188825" cy="6858000"/>
  <p:notesSz cx="6797675" cy="9926638"/>
  <p:embeddedFontLst>
    <p:embeddedFont>
      <p:font typeface="AU Passata" panose="020B0604020202020204" charset="0"/>
      <p:regular r:id="rId24"/>
      <p:bold r:id="rId25"/>
    </p:embeddedFont>
    <p:embeddedFont>
      <p:font typeface="AU Passata Light" panose="020B0604020202020204" charset="0"/>
      <p:regular r:id="rId26"/>
      <p:bold r:id="rId27"/>
    </p:embeddedFont>
    <p:embeddedFont>
      <p:font typeface="AU Peto" panose="020B0604020202020204" charset="0"/>
      <p:regular r:id="rId28"/>
      <p:bold r:id="rId29"/>
    </p:embeddedFont>
    <p:embeddedFont>
      <p:font typeface="Calibri" panose="020F0502020204030204" pitchFamily="34" charset="0"/>
      <p:regular r:id="rId30"/>
      <p:bold r:id="rId31"/>
      <p:italic r:id="rId32"/>
      <p:boldItalic r:id="rId33"/>
    </p:embeddedFont>
    <p:embeddedFont>
      <p:font typeface="Georgia" panose="02040502050405020303" pitchFamily="18" charset="0"/>
      <p:regular r:id="rId34"/>
      <p:bold r:id="rId35"/>
      <p:italic r:id="rId36"/>
      <p:boldItalic r:id="rId37"/>
    </p:embeddedFont>
    <p:embeddedFont>
      <p:font typeface="Wingdings 3" panose="05040102010807070707" pitchFamily="18" charset="2"/>
      <p:regular r:id="rId3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458" autoAdjust="0"/>
    <p:restoredTop sz="80252" autoAdjust="0"/>
  </p:normalViewPr>
  <p:slideViewPr>
    <p:cSldViewPr snapToObjects="1" showGuides="1">
      <p:cViewPr varScale="1">
        <p:scale>
          <a:sx n="69" d="100"/>
          <a:sy n="69" d="100"/>
        </p:scale>
        <p:origin x="1166" y="5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3.fntdata"/><Relationship Id="rId39" Type="http://schemas.openxmlformats.org/officeDocument/2006/relationships/presProps" Target="presProps.xml"/><Relationship Id="rId21" Type="http://schemas.openxmlformats.org/officeDocument/2006/relationships/slide" Target="slides/slide20.xml"/><Relationship Id="rId34" Type="http://schemas.openxmlformats.org/officeDocument/2006/relationships/font" Target="fonts/font11.fntdata"/><Relationship Id="rId42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6.fntdata"/><Relationship Id="rId4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font" Target="fonts/font14.fntdata"/><Relationship Id="rId40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632717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he </a:t>
            </a:r>
            <a:r>
              <a:rPr lang="da-DK" dirty="0" err="1"/>
              <a:t>prediction</a:t>
            </a:r>
            <a:r>
              <a:rPr lang="da-DK" dirty="0"/>
              <a:t> is a </a:t>
            </a:r>
            <a:r>
              <a:rPr lang="da-DK" dirty="0" err="1"/>
              <a:t>vector</a:t>
            </a:r>
            <a:r>
              <a:rPr lang="da-DK" dirty="0"/>
              <a:t> of </a:t>
            </a:r>
            <a:r>
              <a:rPr lang="da-DK" dirty="0" err="1"/>
              <a:t>probabilities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the NN </a:t>
            </a:r>
            <a:r>
              <a:rPr lang="da-DK" dirty="0" err="1"/>
              <a:t>assigns</a:t>
            </a:r>
            <a:r>
              <a:rPr lang="da-DK" dirty="0"/>
              <a:t> to </a:t>
            </a:r>
            <a:r>
              <a:rPr lang="da-DK" dirty="0" err="1"/>
              <a:t>each</a:t>
            </a:r>
            <a:r>
              <a:rPr lang="da-DK" dirty="0"/>
              <a:t> </a:t>
            </a:r>
            <a:r>
              <a:rPr lang="da-DK" dirty="0" err="1"/>
              <a:t>discrete</a:t>
            </a:r>
            <a:r>
              <a:rPr lang="da-DK" dirty="0"/>
              <a:t> </a:t>
            </a:r>
            <a:r>
              <a:rPr lang="da-DK" dirty="0" err="1"/>
              <a:t>outcome</a:t>
            </a:r>
            <a:r>
              <a:rPr lang="da-DK" dirty="0"/>
              <a:t> (</a:t>
            </a:r>
            <a:r>
              <a:rPr lang="da-DK" dirty="0" err="1"/>
              <a:t>digits</a:t>
            </a:r>
            <a:r>
              <a:rPr lang="da-DK" dirty="0"/>
              <a:t> 0-9)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450443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Differentiating</a:t>
            </a:r>
            <a:r>
              <a:rPr lang="da-DK" dirty="0"/>
              <a:t> MSE. </a:t>
            </a:r>
          </a:p>
          <a:p>
            <a:r>
              <a:rPr lang="da-DK" dirty="0" err="1"/>
              <a:t>Stepsize</a:t>
            </a:r>
            <a:r>
              <a:rPr lang="da-DK" dirty="0"/>
              <a:t> (</a:t>
            </a:r>
            <a:r>
              <a:rPr lang="da-DK" dirty="0" err="1"/>
              <a:t>alpha</a:t>
            </a:r>
            <a:r>
              <a:rPr lang="da-DK" dirty="0"/>
              <a:t>)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130738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 November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ythonNeuralNet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ikkel Werling &amp; Victor Møller Pou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4429082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 November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struct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ythonNeuralNet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ikkel Werling &amp; Victor Møller Pou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70214520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 November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ythonNeuralNet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ikkel Werling &amp; Victor Møller Pou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308136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51270484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ythonNeuralNet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ikkel Werling &amp; Victor Møller Pou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 November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2/11/2020</a:t>
            </a:fld>
            <a:r>
              <a:rPr lang="en-GB"/>
              <a:t>02/11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g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Relationship Id="rId4" Type="http://schemas.openxmlformats.org/officeDocument/2006/relationships/image" Target="../media/image11.jp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GB" dirty="0"/>
              <a:t>Neural network in pyth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9E80E34-4D7B-4D91-9608-2231725341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redictions</a:t>
            </a:r>
            <a:r>
              <a:rPr lang="da-DK" dirty="0"/>
              <a:t> 2</a:t>
            </a:r>
          </a:p>
        </p:txBody>
      </p:sp>
      <p:pic>
        <p:nvPicPr>
          <p:cNvPr id="6" name="Pladsholder til indhold 5" descr="Et billede, der indeholder fugl&#10;&#10;Automatisk genereret beskrivelse">
            <a:extLst>
              <a:ext uri="{FF2B5EF4-FFF2-40B4-BE49-F238E27FC236}">
                <a16:creationId xmlns:a16="http://schemas.microsoft.com/office/drawing/2014/main" id="{F80680EB-55AE-4689-8288-B44D8DDD505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2328595"/>
            <a:ext cx="10220325" cy="261038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4E4AE6B-4E08-41DD-B6B1-527C9F3E80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898021-784B-4146-BF47-490707204F2B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5330110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B1CEA8C-9835-413D-8EE8-D4FA452FAA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redictions</a:t>
            </a:r>
            <a:r>
              <a:rPr lang="da-DK" dirty="0"/>
              <a:t> 3</a:t>
            </a:r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0ACE3FC1-0CD6-42EB-8E60-D284ED806F1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2328595"/>
            <a:ext cx="10220325" cy="261038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0DF6334-C655-4BA7-98EA-1BE8AF37CC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C8E116-9F82-4EB0-B9F3-9E45E3EFCDFA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084412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118455B-0B64-4539-9807-E03ED9C96E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redictions</a:t>
            </a:r>
            <a:r>
              <a:rPr lang="da-DK" dirty="0"/>
              <a:t> 4</a:t>
            </a:r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5AA71FD3-5158-470F-BA32-14D85616301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2328595"/>
            <a:ext cx="10220325" cy="261038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E235525-BDEE-4CDA-B251-8A7E4AE546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C96B7C-84E4-4A7B-9493-4AF55F275F93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21362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623A9BD-B1B3-40B0-95E9-8151DB32BE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redictions</a:t>
            </a:r>
            <a:r>
              <a:rPr lang="da-DK" dirty="0"/>
              <a:t> 5</a:t>
            </a:r>
          </a:p>
        </p:txBody>
      </p:sp>
      <p:pic>
        <p:nvPicPr>
          <p:cNvPr id="6" name="Pladsholder til indhold 5" descr="Et billede, der indeholder pil&#10;&#10;Automatisk genereret beskrivelse">
            <a:extLst>
              <a:ext uri="{FF2B5EF4-FFF2-40B4-BE49-F238E27FC236}">
                <a16:creationId xmlns:a16="http://schemas.microsoft.com/office/drawing/2014/main" id="{31213321-5215-40E0-8E32-A1D907E26E8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2328595"/>
            <a:ext cx="10220325" cy="261038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C9D9337-FD56-4C2D-9AB4-DA558DF040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9BB215-7B77-4FA8-98A8-6A7E05AD4A59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3767001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72D0A17-2B41-4196-A879-A95C03D76D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radient </a:t>
            </a:r>
            <a:r>
              <a:rPr lang="da-DK" dirty="0" err="1"/>
              <a:t>descent</a:t>
            </a:r>
            <a:r>
              <a:rPr lang="da-DK" dirty="0"/>
              <a:t> 1 </a:t>
            </a:r>
          </a:p>
        </p:txBody>
      </p:sp>
      <p:pic>
        <p:nvPicPr>
          <p:cNvPr id="6" name="Pladsholder til indhold 5" descr="Et billede, der indeholder tekst&#10;&#10;Automatisk genereret beskrivelse">
            <a:extLst>
              <a:ext uri="{FF2B5EF4-FFF2-40B4-BE49-F238E27FC236}">
                <a16:creationId xmlns:a16="http://schemas.microsoft.com/office/drawing/2014/main" id="{052CDD30-2379-4D91-B612-A2A7F396328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1717477"/>
            <a:ext cx="10220325" cy="3832621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96FD45A-3383-402D-8D87-44EB58109B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7B0AC-24BA-4FDB-BB8D-3DF7AA1536E0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602455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63FCD2-1DEA-44C4-BADB-02350556F7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radient </a:t>
            </a:r>
            <a:r>
              <a:rPr lang="da-DK" dirty="0" err="1"/>
              <a:t>descent</a:t>
            </a:r>
            <a:r>
              <a:rPr lang="da-DK" dirty="0"/>
              <a:t> 2</a:t>
            </a:r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4177214D-7974-4D49-A62A-1C0C760A7F2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1717477"/>
            <a:ext cx="10220325" cy="3832621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33A5AE-1300-4EA1-A5FD-093D4769D9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AA0D6-B7D3-49D3-9EF2-926941D2A4DB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5080756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37B84EE-DCC3-4EB6-A16F-1BA0055ECB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radient </a:t>
            </a:r>
            <a:r>
              <a:rPr lang="da-DK" dirty="0" err="1"/>
              <a:t>descent</a:t>
            </a:r>
            <a:r>
              <a:rPr lang="da-DK" dirty="0"/>
              <a:t> n</a:t>
            </a:r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6EE3BF23-ABE5-4166-8272-CC6E4C12D54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1717477"/>
            <a:ext cx="10220325" cy="3832621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DFDF3D7-45A2-4ACD-8E28-FADACE0DE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37BB80-78FF-4380-82B8-5D06A06F275B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267308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614A684-187E-4A30-8148-9EA38F0DFB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radient </a:t>
            </a:r>
            <a:r>
              <a:rPr lang="da-DK" dirty="0" err="1"/>
              <a:t>descent</a:t>
            </a:r>
            <a:endParaRPr lang="da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7AE816ED-E120-4FCB-9747-1C7C8FE371A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1717477"/>
            <a:ext cx="10220325" cy="3832621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669496C-16C6-43D2-B799-5C17F278F3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10AB5E-615A-4313-A360-24BBEBEC1A73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065523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7618EDE-395F-4291-9850-B9DB01C785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ist of lists </a:t>
            </a:r>
            <a:r>
              <a:rPr lang="da-DK" dirty="0">
                <a:sym typeface="Wingdings" panose="05000000000000000000" pitchFamily="2" charset="2"/>
              </a:rPr>
              <a:t> </a:t>
            </a:r>
            <a:r>
              <a:rPr lang="da-DK" dirty="0" err="1">
                <a:sym typeface="Wingdings" panose="05000000000000000000" pitchFamily="2" charset="2"/>
              </a:rPr>
              <a:t>vector</a:t>
            </a:r>
            <a:r>
              <a:rPr lang="da-DK" dirty="0">
                <a:sym typeface="Wingdings" panose="05000000000000000000" pitchFamily="2" charset="2"/>
              </a:rPr>
              <a:t>/matrix</a:t>
            </a:r>
            <a:endParaRPr lang="da-DK" dirty="0"/>
          </a:p>
        </p:txBody>
      </p:sp>
      <p:pic>
        <p:nvPicPr>
          <p:cNvPr id="6" name="Pladsholder til indhold 5" descr="Et billede, der indeholder tekst&#10;&#10;Automatisk genereret beskrivelse">
            <a:extLst>
              <a:ext uri="{FF2B5EF4-FFF2-40B4-BE49-F238E27FC236}">
                <a16:creationId xmlns:a16="http://schemas.microsoft.com/office/drawing/2014/main" id="{C2C97780-DFDD-43E3-A3C4-4DA52E6597B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1536834"/>
            <a:ext cx="10220325" cy="4193908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3C2FF3A-830B-4378-8607-C3C2DE8155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422315-6412-4C72-B88B-9453FDE78ED4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00247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en-GB" smtClean="0"/>
              <a:t>02/11/2020</a:t>
            </a:fld>
            <a:r>
              <a:rPr lang="en-GB" dirty="0"/>
              <a:t>02/11/2020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en-GB" dirty="0"/>
              <a:t>Insert Quote text, for next level ENTER and TAB</a:t>
            </a:r>
            <a:endParaRPr lang="en-GB"/>
          </a:p>
          <a:p>
            <a:pPr lvl="1"/>
            <a:r>
              <a:rPr lang="en-GB" dirty="0"/>
              <a:t>Insert Nam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6800" y="230400"/>
            <a:ext cx="5644263" cy="752400"/>
          </a:xfrm>
        </p:spPr>
        <p:txBody>
          <a:bodyPr wrap="square" anchor="t">
            <a:normAutofit/>
          </a:bodyPr>
          <a:lstStyle/>
          <a:p>
            <a:r>
              <a:rPr lang="en-GB" dirty="0"/>
              <a:t>Neural network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3CD4D3C-FBF5-4F96-809D-C757EFF5634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classical representation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Complex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Non-linear. </a:t>
            </a:r>
          </a:p>
        </p:txBody>
      </p:sp>
      <p:pic>
        <p:nvPicPr>
          <p:cNvPr id="3" name="Pladsholder til indhold 2" descr="Et billede, der indeholder pil&#10;&#10;Automatisk genereret beskrivelse">
            <a:extLst>
              <a:ext uri="{FF2B5EF4-FFF2-40B4-BE49-F238E27FC236}">
                <a16:creationId xmlns:a16="http://schemas.microsoft.com/office/drawing/2014/main" id="{27113F6F-D5D5-4E41-80A2-6120C852CC32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6373061" y="315913"/>
            <a:ext cx="5358384" cy="5581650"/>
          </a:xfrm>
          <a:noFill/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6800" y="230400"/>
            <a:ext cx="5644263" cy="752400"/>
          </a:xfrm>
        </p:spPr>
        <p:txBody>
          <a:bodyPr wrap="square" anchor="t">
            <a:normAutofit/>
          </a:bodyPr>
          <a:lstStyle/>
          <a:p>
            <a:r>
              <a:rPr lang="en-GB" dirty="0"/>
              <a:t>Neural network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FB802026-D2DE-4CBB-A861-CA9EE028470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imple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No hidden layers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is linear (surprisingly). </a:t>
            </a:r>
          </a:p>
        </p:txBody>
      </p:sp>
      <p:pic>
        <p:nvPicPr>
          <p:cNvPr id="4" name="Pladsholder til indhold 3">
            <a:extLst>
              <a:ext uri="{FF2B5EF4-FFF2-40B4-BE49-F238E27FC236}">
                <a16:creationId xmlns:a16="http://schemas.microsoft.com/office/drawing/2014/main" id="{051FAE3C-0142-4463-87F1-3FE3E88B63C2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6261428" y="315913"/>
            <a:ext cx="5581650" cy="5581650"/>
          </a:xfrm>
          <a:noFill/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467AF6BE-BA73-439A-B0AE-6774C98FB2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US" dirty="0"/>
              <a:t>Our data (</a:t>
            </a:r>
            <a:r>
              <a:rPr lang="en-US" dirty="0" err="1"/>
              <a:t>mnist</a:t>
            </a:r>
            <a:r>
              <a:rPr lang="en-US" dirty="0"/>
              <a:t> images)</a:t>
            </a:r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EDA61FAF-732F-4049-A527-FD1A41FB9E5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2603967"/>
            <a:ext cx="10220325" cy="2059642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1E1A5E03-458E-4A58-BBC9-1E3582ED8EE9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20AF379E-5112-4D16-9F15-F1D755F2B004}" type="datetime1">
              <a:rPr lang="en-GB" smtClean="0"/>
              <a:pPr>
                <a:spcAft>
                  <a:spcPts val="600"/>
                </a:spcAft>
              </a:pPr>
              <a:t>03/11/2020</a:t>
            </a:fld>
            <a:r>
              <a:rPr lang="en-GB"/>
              <a:t>02/11/2020</a:t>
            </a:r>
          </a:p>
        </p:txBody>
      </p:sp>
    </p:spTree>
    <p:extLst>
      <p:ext uri="{BB962C8B-B14F-4D97-AF65-F5344CB8AC3E}">
        <p14:creationId xmlns:p14="http://schemas.microsoft.com/office/powerpoint/2010/main" val="258958188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7F975B-D5FF-4E59-BEEB-4611C0B723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atrix/</a:t>
            </a:r>
            <a:r>
              <a:rPr lang="da-DK" dirty="0" err="1"/>
              <a:t>vector</a:t>
            </a:r>
            <a:r>
              <a:rPr lang="da-DK" dirty="0"/>
              <a:t> operations 1</a:t>
            </a:r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8F211E7B-20C6-4DA4-A06A-75843CE749A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2328595"/>
            <a:ext cx="10220325" cy="261038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CB3869E-7155-4E30-9D5C-EE4E05AAB7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C5CFBF-C72E-464E-9476-61335E280430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043832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E8AD861-7415-40F9-8FD5-E1AAA8A212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atrix/</a:t>
            </a:r>
            <a:r>
              <a:rPr lang="da-DK" dirty="0" err="1"/>
              <a:t>vector</a:t>
            </a:r>
            <a:r>
              <a:rPr lang="da-DK" dirty="0"/>
              <a:t> operations 2</a:t>
            </a:r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BB6BC5FD-8CD3-46D0-80AB-9C5A5D363D9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2328595"/>
            <a:ext cx="10220325" cy="261038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2E1ACE2-63D9-4F43-B6A8-3184B059DB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0AA5B9-6BFF-4CCE-B262-B4DA81F000DF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926056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47C59F8-CAC5-437E-B67F-510EC5D381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atrix/</a:t>
            </a:r>
            <a:r>
              <a:rPr lang="da-DK" dirty="0" err="1"/>
              <a:t>vector</a:t>
            </a:r>
            <a:r>
              <a:rPr lang="da-DK" dirty="0"/>
              <a:t> operations 3</a:t>
            </a:r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C1766ED6-99AC-4328-9E1F-96BF867C898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2328595"/>
            <a:ext cx="10220325" cy="261038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5D24F97-F446-4B57-B846-A29396743C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47DACE-9FC1-44A5-8C94-762104B96D68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083433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C43BC62-869D-440F-BF46-A399D94EA5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atrix/</a:t>
            </a:r>
            <a:r>
              <a:rPr lang="da-DK" dirty="0" err="1"/>
              <a:t>vector</a:t>
            </a:r>
            <a:r>
              <a:rPr lang="da-DK" dirty="0"/>
              <a:t> operations 4</a:t>
            </a:r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EE27DC79-1EAC-42A9-A557-23D7E2CD1A5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2328595"/>
            <a:ext cx="10220325" cy="261038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3605124-9B5B-4159-AA05-86FABC65AD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93F57D-B119-47CA-A906-565EABE58A3A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095307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F76E7A5-3DF2-4073-9378-F9CE733D1B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redictions</a:t>
            </a:r>
            <a:r>
              <a:rPr lang="da-DK" dirty="0"/>
              <a:t> 1</a:t>
            </a:r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6E1B528A-636C-4B99-BF0B-EFA05D38D29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2328595"/>
            <a:ext cx="10220325" cy="261038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028AB17-7CE0-45F1-8DCB-9B1FFE6F32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4C36F7-45EE-4935-94CB-34F2AB28E1BD}" type="datetime1">
              <a:rPr lang="en-GB" smtClean="0"/>
              <a:t>03/11/2020</a:t>
            </a:fld>
            <a:r>
              <a:rPr lang="en-GB"/>
              <a:t>02/11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05142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0</Words>
  <Application>Microsoft Office PowerPoint</Application>
  <PresentationFormat>Brugerdefineret</PresentationFormat>
  <Paragraphs>50</Paragraphs>
  <Slides>20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0</vt:i4>
      </vt:variant>
    </vt:vector>
  </HeadingPairs>
  <TitlesOfParts>
    <vt:vector size="28" baseType="lpstr">
      <vt:lpstr>Calibri</vt:lpstr>
      <vt:lpstr>Wingdings 3</vt:lpstr>
      <vt:lpstr>AU Peto</vt:lpstr>
      <vt:lpstr>AU Passata Light</vt:lpstr>
      <vt:lpstr>AU Passata</vt:lpstr>
      <vt:lpstr>Arial</vt:lpstr>
      <vt:lpstr>Georgia</vt:lpstr>
      <vt:lpstr>AU 16:9</vt:lpstr>
      <vt:lpstr>Neural network in python</vt:lpstr>
      <vt:lpstr>Neural network</vt:lpstr>
      <vt:lpstr>Neural network</vt:lpstr>
      <vt:lpstr>Our data (mnist images)</vt:lpstr>
      <vt:lpstr>Matrix/vector operations 1</vt:lpstr>
      <vt:lpstr>Matrix/vector operations 2</vt:lpstr>
      <vt:lpstr>Matrix/vector operations 3</vt:lpstr>
      <vt:lpstr>Matrix/vector operations 4</vt:lpstr>
      <vt:lpstr>Predictions 1</vt:lpstr>
      <vt:lpstr>Predictions 2</vt:lpstr>
      <vt:lpstr>Predictions 3</vt:lpstr>
      <vt:lpstr>Predictions 4</vt:lpstr>
      <vt:lpstr>Predictions 5</vt:lpstr>
      <vt:lpstr>Gradient descent 1 </vt:lpstr>
      <vt:lpstr>Gradient descent 2</vt:lpstr>
      <vt:lpstr>Gradient descent n</vt:lpstr>
      <vt:lpstr>Gradient descent</vt:lpstr>
      <vt:lpstr>List of lists  vector/matrix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11-03T10:33:58Z</dcterms:created>
  <dcterms:modified xsi:type="dcterms:W3CDTF">2020-11-03T11:53:53Z</dcterms:modified>
</cp:coreProperties>
</file>